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16 przyrządy do przetoczen cytostatyków\zaproszenie\"/>
    </mc:Choice>
  </mc:AlternateContent>
  <xr:revisionPtr revIDLastSave="0" documentId="13_ncr:1_{99E94AC5-5E74-42A1-927A-0D778E20BF5E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7" i="6" l="1"/>
  <c r="J8" i="6" s="1"/>
  <c r="L7" i="6" l="1"/>
  <c r="L9" i="6" s="1"/>
  <c r="N7" i="6"/>
  <c r="N10" i="6" l="1"/>
  <c r="M7" i="6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Przyrząd do przetaczania  płynów-światłoczuły (bursztynowy ). Komora kroplowa:Filtr infuzyjny w komorze kroplowej 15 μm , komora kroplowa, kolec dwukanałowy, komora przezroczysta, elastyczna.odpowietrznik z filterm p/bakteryjnym Dren: dł min 150 cm z zaciskiem rolkowym. Swiatłoczuły /  bursztynowy .Wyrób medyczny pozbawiony ftalanów. Sterylny opakowanie papier/folia. filtr hydrofobowy na końcu drenu, zabezpieczający przed wyciekaniem płynu z drenu podczas jego wypełniania, sterylny</t>
  </si>
  <si>
    <t>WZÓR FORMULARZA CENOWEGO - DZPZ/ 333/ 116 /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62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164" fontId="5" fillId="4" borderId="29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4" fillId="0" borderId="30" xfId="0" applyFont="1" applyBorder="1" applyAlignment="1">
      <alignment horizontal="center" vertical="center" wrapText="1"/>
    </xf>
    <xf numFmtId="0" fontId="21" fillId="0" borderId="2" xfId="3" applyFont="1" applyBorder="1" applyAlignment="1">
      <alignment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13"/>
  <sheetViews>
    <sheetView tabSelected="1" workbookViewId="0">
      <selection activeCell="F7" sqref="F7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ht="15.75" customHeight="1" x14ac:dyDescent="0.2">
      <c r="C2" s="30" t="s">
        <v>32</v>
      </c>
      <c r="D2" s="31"/>
      <c r="E2" s="31"/>
      <c r="F2" s="31"/>
      <c r="G2" s="31"/>
      <c r="H2" s="31"/>
      <c r="I2" s="31"/>
      <c r="J2" s="32"/>
      <c r="K2" s="30" t="s">
        <v>22</v>
      </c>
      <c r="L2" s="31"/>
      <c r="M2" s="31"/>
      <c r="N2" s="32"/>
    </row>
    <row r="3" spans="3:18" ht="15.75" customHeight="1" x14ac:dyDescent="0.2">
      <c r="C3" s="33"/>
      <c r="D3" s="34"/>
      <c r="E3" s="34"/>
      <c r="F3" s="34"/>
      <c r="G3" s="34"/>
      <c r="H3" s="34"/>
      <c r="I3" s="34"/>
      <c r="J3" s="35"/>
      <c r="K3" s="36"/>
      <c r="L3" s="37"/>
      <c r="M3" s="37"/>
      <c r="N3" s="38"/>
    </row>
    <row r="4" spans="3:18" ht="27.75" customHeight="1" thickBot="1" x14ac:dyDescent="0.3">
      <c r="C4" s="42"/>
      <c r="D4" s="43"/>
      <c r="E4" s="43"/>
      <c r="F4" s="43"/>
      <c r="G4" s="43"/>
      <c r="H4" s="43"/>
      <c r="I4" s="43"/>
      <c r="J4" s="44"/>
      <c r="K4" s="39"/>
      <c r="L4" s="40"/>
      <c r="M4" s="40"/>
      <c r="N4" s="41"/>
    </row>
    <row r="5" spans="3:18" ht="15.75" thickBot="1" x14ac:dyDescent="0.25">
      <c r="C5" s="2"/>
      <c r="D5" s="3"/>
      <c r="E5" s="4" t="s">
        <v>29</v>
      </c>
      <c r="F5" s="4" t="s">
        <v>14</v>
      </c>
      <c r="G5" s="4" t="s">
        <v>21</v>
      </c>
      <c r="H5" s="5" t="s">
        <v>0</v>
      </c>
      <c r="I5" s="6" t="s">
        <v>1</v>
      </c>
      <c r="J5" s="7" t="s">
        <v>11</v>
      </c>
      <c r="K5" s="8" t="s">
        <v>20</v>
      </c>
      <c r="L5" s="5" t="s">
        <v>10</v>
      </c>
      <c r="M5" s="9" t="s">
        <v>16</v>
      </c>
      <c r="N5" s="10" t="s">
        <v>17</v>
      </c>
    </row>
    <row r="6" spans="3:18" ht="72.75" customHeight="1" x14ac:dyDescent="0.2">
      <c r="C6" s="11" t="s">
        <v>12</v>
      </c>
      <c r="D6" s="11" t="s">
        <v>2</v>
      </c>
      <c r="E6" s="5" t="s">
        <v>28</v>
      </c>
      <c r="F6" s="5" t="s">
        <v>27</v>
      </c>
      <c r="G6" s="5" t="s">
        <v>6</v>
      </c>
      <c r="H6" s="28" t="s">
        <v>5</v>
      </c>
      <c r="I6" s="9" t="s">
        <v>4</v>
      </c>
      <c r="J6" s="9" t="s">
        <v>8</v>
      </c>
      <c r="K6" s="9" t="s">
        <v>19</v>
      </c>
      <c r="L6" s="9" t="s">
        <v>3</v>
      </c>
      <c r="M6" s="9" t="s">
        <v>7</v>
      </c>
      <c r="N6" s="10" t="s">
        <v>9</v>
      </c>
      <c r="O6" s="1"/>
      <c r="P6" s="1"/>
      <c r="Q6" s="1"/>
    </row>
    <row r="7" spans="3:18" ht="296.25" customHeight="1" x14ac:dyDescent="0.2">
      <c r="C7" s="12" t="s">
        <v>18</v>
      </c>
      <c r="D7" s="29" t="s">
        <v>31</v>
      </c>
      <c r="E7" s="29"/>
      <c r="F7" s="12"/>
      <c r="G7" s="13" t="s">
        <v>26</v>
      </c>
      <c r="H7" s="14">
        <v>10000</v>
      </c>
      <c r="I7" s="15"/>
      <c r="J7" s="15">
        <f>ROUND(H7*I7,2)</f>
        <v>0</v>
      </c>
      <c r="K7" s="16"/>
      <c r="L7" s="15">
        <f>ROUND(J7*K7,2)</f>
        <v>0</v>
      </c>
      <c r="M7" s="15">
        <f>ROUND(N7/H7,2)</f>
        <v>0</v>
      </c>
      <c r="N7" s="15">
        <f>ROUND(SUM(J7,L7),2)</f>
        <v>0</v>
      </c>
      <c r="O7" s="1"/>
      <c r="P7" s="1"/>
      <c r="Q7" s="1"/>
    </row>
    <row r="8" spans="3:18" ht="30.75" customHeight="1" thickBot="1" x14ac:dyDescent="0.25">
      <c r="C8" s="45"/>
      <c r="D8" s="45"/>
      <c r="E8" s="45"/>
      <c r="F8" s="45"/>
      <c r="G8" s="45"/>
      <c r="H8" s="45"/>
      <c r="I8" s="17" t="s">
        <v>13</v>
      </c>
      <c r="J8" s="26">
        <f>SUM(J7:J7)</f>
        <v>0</v>
      </c>
      <c r="K8" s="18"/>
      <c r="L8" s="18"/>
      <c r="M8" s="18"/>
      <c r="N8" s="18"/>
      <c r="O8" s="1"/>
      <c r="P8" s="1"/>
      <c r="Q8" s="1"/>
      <c r="R8" s="19"/>
    </row>
    <row r="9" spans="3:18" ht="26.25" customHeight="1" thickBot="1" x14ac:dyDescent="0.25">
      <c r="C9" s="46"/>
      <c r="D9" s="46"/>
      <c r="E9" s="46"/>
      <c r="F9" s="46"/>
      <c r="G9" s="46"/>
      <c r="H9" s="46"/>
      <c r="I9" s="20"/>
      <c r="J9" s="21"/>
      <c r="K9" s="27" t="s">
        <v>23</v>
      </c>
      <c r="L9" s="27">
        <f>SUM(L7:L8)</f>
        <v>0</v>
      </c>
      <c r="M9" s="22"/>
      <c r="N9" s="23"/>
      <c r="O9" s="1"/>
      <c r="P9" s="1"/>
      <c r="Q9" s="1"/>
      <c r="R9" s="19"/>
    </row>
    <row r="10" spans="3:18" ht="24" customHeight="1" thickBot="1" x14ac:dyDescent="0.25">
      <c r="C10" s="46"/>
      <c r="D10" s="46"/>
      <c r="E10" s="46"/>
      <c r="F10" s="46"/>
      <c r="G10" s="46"/>
      <c r="H10" s="46"/>
      <c r="I10" s="24"/>
      <c r="J10" s="15"/>
      <c r="K10" s="18"/>
      <c r="L10" s="18"/>
      <c r="M10" s="25" t="s">
        <v>24</v>
      </c>
      <c r="N10" s="25">
        <f>SUM(N7:N9)</f>
        <v>0</v>
      </c>
      <c r="O10" s="1"/>
      <c r="P10" s="1"/>
      <c r="Q10" s="1"/>
    </row>
    <row r="11" spans="3:18" ht="21.75" customHeight="1" x14ac:dyDescent="0.2">
      <c r="C11" s="47" t="s">
        <v>30</v>
      </c>
      <c r="D11" s="48"/>
      <c r="E11" s="48"/>
      <c r="F11" s="48"/>
      <c r="G11" s="48"/>
      <c r="H11" s="48"/>
      <c r="I11" s="49"/>
      <c r="J11" s="53" t="s">
        <v>15</v>
      </c>
      <c r="K11" s="54"/>
      <c r="L11" s="54"/>
      <c r="M11" s="54"/>
      <c r="N11" s="55"/>
      <c r="O11" s="1"/>
      <c r="P11" s="1"/>
      <c r="Q11" s="1"/>
    </row>
    <row r="12" spans="3:18" ht="26.25" customHeight="1" x14ac:dyDescent="0.2">
      <c r="C12" s="50"/>
      <c r="D12" s="51"/>
      <c r="E12" s="51"/>
      <c r="F12" s="51"/>
      <c r="G12" s="51"/>
      <c r="H12" s="51"/>
      <c r="I12" s="52"/>
      <c r="J12" s="53"/>
      <c r="K12" s="54"/>
      <c r="L12" s="54"/>
      <c r="M12" s="54"/>
      <c r="N12" s="55"/>
      <c r="O12" s="1"/>
      <c r="P12" s="1"/>
      <c r="Q12" s="1"/>
    </row>
    <row r="13" spans="3:18" ht="59.25" customHeight="1" x14ac:dyDescent="0.2">
      <c r="C13" s="59" t="s">
        <v>25</v>
      </c>
      <c r="D13" s="60"/>
      <c r="E13" s="60"/>
      <c r="F13" s="60"/>
      <c r="G13" s="60"/>
      <c r="H13" s="60"/>
      <c r="I13" s="61"/>
      <c r="J13" s="56"/>
      <c r="K13" s="57"/>
      <c r="L13" s="57"/>
      <c r="M13" s="57"/>
      <c r="N13" s="58"/>
      <c r="O13" s="1"/>
      <c r="P13" s="1"/>
      <c r="Q13" s="1"/>
    </row>
  </sheetData>
  <mergeCells count="7">
    <mergeCell ref="C2:J3"/>
    <mergeCell ref="K2:N4"/>
    <mergeCell ref="C4:J4"/>
    <mergeCell ref="C8:H10"/>
    <mergeCell ref="C11:I12"/>
    <mergeCell ref="J11:N13"/>
    <mergeCell ref="C13:I13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8-07T08:23:49Z</dcterms:modified>
</cp:coreProperties>
</file>